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9-99-2023 SW a HW\03. Príprava\07. PTK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1</definedName>
  </definedNames>
  <calcPr calcId="162913" iterateDelta="1E-4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9" l="1"/>
  <c r="S8" i="9" l="1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mesiacov</t>
  </si>
  <si>
    <t>Cena servisnej hodiny na mimozáručný servis počas záručnej doby</t>
  </si>
  <si>
    <t>na hodinu</t>
  </si>
  <si>
    <t>zľava</t>
  </si>
  <si>
    <t>4.</t>
  </si>
  <si>
    <t>Software a hardware na vyšetrenie FFR a mikrovaskulárnej AP pomocou jedného vodiča</t>
  </si>
  <si>
    <t>Termín dodania predmetu zákazky</t>
  </si>
  <si>
    <t>Záručná doba pre predmet zákazky</t>
  </si>
  <si>
    <t>Výška zľavy (v %) z fakturovanej sumy pre predmet zákazky, ktorú poskytne dodávateľ v prípade, že objednávateľ uhradí faktúru do 14 dní od jej doručenia (dodávateľ na výšku zľavy vystaví dobropis). Ak takúto zľavu dodávateľ nechce poskytnúť, uvedie 0%.</t>
  </si>
  <si>
    <t>Poznámka:</t>
  </si>
  <si>
    <t>- povinné údaje vyplní uchádza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4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7" fillId="0" borderId="0" xfId="0" applyNumberFormat="1" applyFont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3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8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67" t="s">
        <v>9</v>
      </c>
      <c r="B1" s="67"/>
      <c r="C1" s="67"/>
      <c r="D1" s="67"/>
      <c r="E1" s="67"/>
      <c r="F1" s="67"/>
      <c r="G1" s="67"/>
      <c r="H1" s="67"/>
      <c r="I1" s="67"/>
      <c r="J1" s="67"/>
      <c r="K1" s="67"/>
      <c r="L1" s="67"/>
      <c r="M1" s="67"/>
      <c r="N1" s="67"/>
      <c r="O1" s="67"/>
      <c r="P1" s="67"/>
      <c r="Q1" s="67"/>
      <c r="R1" s="67"/>
      <c r="S1" s="67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5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77" t="s">
        <v>1</v>
      </c>
      <c r="C6" s="78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69" t="s">
        <v>21</v>
      </c>
      <c r="O6" s="70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44.1" customHeight="1" x14ac:dyDescent="0.25">
      <c r="A7" s="44" t="s">
        <v>2</v>
      </c>
      <c r="B7" s="80" t="s">
        <v>35</v>
      </c>
      <c r="C7" s="81"/>
      <c r="D7" s="60" t="s">
        <v>0</v>
      </c>
      <c r="E7" s="61">
        <v>1</v>
      </c>
      <c r="F7" s="16"/>
      <c r="G7" s="44"/>
      <c r="H7" s="62"/>
      <c r="I7" s="62"/>
      <c r="J7" s="62"/>
      <c r="K7" s="62"/>
      <c r="L7" s="62"/>
      <c r="M7" s="63"/>
      <c r="N7" s="82"/>
      <c r="O7" s="83"/>
      <c r="P7" s="64"/>
      <c r="Q7" s="64"/>
      <c r="R7" s="65"/>
      <c r="S7" s="66"/>
      <c r="T7" s="16"/>
    </row>
    <row r="8" spans="1:22" s="2" customFormat="1" ht="30" customHeight="1" thickBot="1" x14ac:dyDescent="0.3">
      <c r="A8" s="53"/>
      <c r="B8" s="54"/>
      <c r="C8" s="54"/>
      <c r="D8" s="53"/>
      <c r="E8" s="55"/>
      <c r="F8" s="55"/>
      <c r="G8" s="55"/>
      <c r="H8" s="55"/>
      <c r="I8" s="55"/>
      <c r="J8" s="55"/>
      <c r="K8" s="55"/>
      <c r="L8" s="55"/>
      <c r="M8" s="55"/>
      <c r="N8" s="55"/>
      <c r="O8" s="55"/>
      <c r="P8" s="55"/>
      <c r="Q8" s="55"/>
      <c r="R8" s="58">
        <f>SUM(R7:R7)</f>
        <v>0</v>
      </c>
      <c r="S8" s="59">
        <f>SUM(S7:S7)</f>
        <v>0</v>
      </c>
      <c r="T8" s="16"/>
    </row>
    <row r="10" spans="1:22" ht="16.5" customHeight="1" thickBot="1" x14ac:dyDescent="0.25">
      <c r="A10" s="52" t="s">
        <v>26</v>
      </c>
      <c r="B10" s="21"/>
      <c r="C10" s="22"/>
      <c r="D10" s="1"/>
      <c r="E10" s="23"/>
      <c r="F10" s="23"/>
      <c r="G10" s="24"/>
      <c r="H10" s="23"/>
      <c r="R10" s="23"/>
      <c r="S10" s="23"/>
      <c r="T10" s="23"/>
    </row>
    <row r="11" spans="1:22" ht="30" customHeight="1" x14ac:dyDescent="0.2">
      <c r="A11" s="45">
        <v>1</v>
      </c>
      <c r="B11" s="71" t="s">
        <v>36</v>
      </c>
      <c r="C11" s="72"/>
      <c r="D11" s="72"/>
      <c r="E11" s="73"/>
      <c r="F11" s="25"/>
      <c r="G11" s="44"/>
      <c r="H11" s="46" t="s">
        <v>29</v>
      </c>
      <c r="R11" s="25"/>
      <c r="S11" s="25"/>
      <c r="T11" s="25"/>
    </row>
    <row r="12" spans="1:22" ht="30" customHeight="1" x14ac:dyDescent="0.2">
      <c r="A12" s="47">
        <v>2</v>
      </c>
      <c r="B12" s="74" t="s">
        <v>37</v>
      </c>
      <c r="C12" s="75"/>
      <c r="D12" s="75"/>
      <c r="E12" s="76"/>
      <c r="F12" s="25"/>
      <c r="G12" s="48"/>
      <c r="H12" s="49" t="s">
        <v>30</v>
      </c>
      <c r="J12" s="28" t="s">
        <v>28</v>
      </c>
      <c r="K12" s="79"/>
      <c r="L12" s="79"/>
      <c r="M12" s="79"/>
      <c r="S12" s="25"/>
      <c r="T12" s="25"/>
    </row>
    <row r="13" spans="1:22" ht="30" customHeight="1" x14ac:dyDescent="0.2">
      <c r="A13" s="47">
        <v>3</v>
      </c>
      <c r="B13" s="74" t="s">
        <v>31</v>
      </c>
      <c r="C13" s="75"/>
      <c r="D13" s="75"/>
      <c r="E13" s="76"/>
      <c r="F13" s="25"/>
      <c r="G13" s="56"/>
      <c r="H13" s="49" t="s">
        <v>32</v>
      </c>
      <c r="J13" s="28" t="s">
        <v>27</v>
      </c>
      <c r="K13" s="68"/>
      <c r="L13" s="68"/>
      <c r="M13" s="68"/>
      <c r="S13" s="25"/>
    </row>
    <row r="14" spans="1:22" ht="73.5" customHeight="1" thickBot="1" x14ac:dyDescent="0.25">
      <c r="A14" s="50" t="s">
        <v>34</v>
      </c>
      <c r="B14" s="84" t="s">
        <v>38</v>
      </c>
      <c r="C14" s="85"/>
      <c r="D14" s="85"/>
      <c r="E14" s="86"/>
      <c r="F14" s="25"/>
      <c r="G14" s="57"/>
      <c r="H14" s="51" t="s">
        <v>33</v>
      </c>
      <c r="S14" s="23"/>
    </row>
    <row r="15" spans="1:22" x14ac:dyDescent="0.2">
      <c r="F15" s="1"/>
      <c r="G15" s="1"/>
      <c r="H15" s="1"/>
      <c r="S15" s="23"/>
    </row>
    <row r="16" spans="1:22" ht="30" customHeight="1" x14ac:dyDescent="0.2">
      <c r="F16" s="1"/>
      <c r="G16" s="1"/>
      <c r="H16" s="1"/>
      <c r="S16" s="25"/>
    </row>
    <row r="17" spans="1:22" ht="30" customHeight="1" x14ac:dyDescent="0.2">
      <c r="F17" s="1"/>
      <c r="G17" s="1"/>
      <c r="H17" s="1"/>
      <c r="J17" s="28" t="s">
        <v>3</v>
      </c>
      <c r="K17" s="68"/>
      <c r="L17" s="68"/>
      <c r="S17" s="25"/>
    </row>
    <row r="18" spans="1:22" ht="30" customHeight="1" x14ac:dyDescent="0.25">
      <c r="F18" s="1"/>
      <c r="G18" s="1"/>
      <c r="H18" s="1"/>
      <c r="J18" s="28" t="s">
        <v>5</v>
      </c>
      <c r="K18" s="88"/>
      <c r="L18" s="88"/>
      <c r="P18" s="27" t="s">
        <v>4</v>
      </c>
      <c r="Q18" s="87"/>
      <c r="R18" s="87"/>
      <c r="S18" s="25"/>
    </row>
    <row r="19" spans="1:22" ht="13.5" customHeight="1" x14ac:dyDescent="0.2">
      <c r="F19" s="1"/>
      <c r="G19" s="1"/>
      <c r="H19" s="1"/>
      <c r="P19" s="28" t="s">
        <v>6</v>
      </c>
      <c r="Q19" s="79"/>
      <c r="R19" s="79"/>
      <c r="S19" s="1"/>
      <c r="T19" s="1"/>
    </row>
    <row r="20" spans="1:22" ht="13.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8" t="s">
        <v>7</v>
      </c>
      <c r="Q20" s="68"/>
      <c r="R20" s="68"/>
      <c r="S20" s="1"/>
      <c r="T20" s="1"/>
      <c r="U20" s="1"/>
      <c r="V20" s="1"/>
    </row>
    <row r="21" spans="1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9" t="s">
        <v>8</v>
      </c>
      <c r="Q21" s="1"/>
      <c r="R21" s="2"/>
      <c r="S21" s="1"/>
      <c r="T21" s="1"/>
      <c r="U21" s="1"/>
      <c r="V21" s="1"/>
    </row>
    <row r="22" spans="1:22" s="90" customFormat="1" ht="12" x14ac:dyDescent="0.2">
      <c r="A22" s="89" t="s">
        <v>39</v>
      </c>
      <c r="B22" s="89"/>
      <c r="D22" s="91"/>
      <c r="E22" s="91"/>
      <c r="F22" s="92"/>
      <c r="G22" s="92"/>
      <c r="H22" s="92"/>
      <c r="I22" s="92"/>
      <c r="J22" s="92"/>
      <c r="K22" s="92"/>
      <c r="L22" s="92"/>
      <c r="M22" s="93"/>
      <c r="O22" s="93"/>
    </row>
    <row r="23" spans="1:22" s="100" customFormat="1" ht="15" x14ac:dyDescent="0.25">
      <c r="A23" s="94"/>
      <c r="B23" s="95" t="s">
        <v>40</v>
      </c>
      <c r="C23" s="96"/>
      <c r="D23" s="97"/>
      <c r="E23" s="97"/>
      <c r="F23" s="98"/>
      <c r="G23" s="98"/>
      <c r="H23" s="98"/>
      <c r="I23" s="98"/>
      <c r="J23" s="98"/>
      <c r="K23" s="98"/>
      <c r="L23" s="98"/>
      <c r="M23" s="99"/>
      <c r="O23" s="99"/>
    </row>
    <row r="24" spans="1:22" ht="24.95" customHeight="1" x14ac:dyDescent="0.2"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</row>
    <row r="25" spans="1:22" s="6" customFormat="1" ht="20.100000000000001" customHeight="1" x14ac:dyDescent="0.25"/>
    <row r="26" spans="1:22" s="6" customFormat="1" ht="20.100000000000001" customHeight="1" x14ac:dyDescent="0.25"/>
    <row r="27" spans="1:22" ht="5.25" customHeight="1" x14ac:dyDescent="0.2">
      <c r="H27" s="1"/>
      <c r="I27" s="1"/>
      <c r="J27" s="1"/>
      <c r="K27" s="1"/>
      <c r="L27" s="1"/>
      <c r="M27" s="1"/>
      <c r="N27" s="1"/>
      <c r="O27" s="1"/>
    </row>
    <row r="28" spans="1:22" ht="20.100000000000001" customHeight="1" x14ac:dyDescent="0.2">
      <c r="H28" s="1"/>
      <c r="I28" s="1"/>
      <c r="J28" s="1"/>
      <c r="K28" s="1"/>
      <c r="L28" s="1"/>
      <c r="M28" s="1"/>
      <c r="N28" s="1"/>
      <c r="O28" s="1"/>
    </row>
    <row r="29" spans="1:22" ht="20.100000000000001" customHeight="1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1:22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1:22" x14ac:dyDescent="0.2">
      <c r="E31" s="1"/>
      <c r="F31" s="1"/>
      <c r="G31" s="1"/>
      <c r="J31" s="1"/>
      <c r="K31" s="1"/>
      <c r="L31" s="1"/>
      <c r="M31" s="1"/>
      <c r="N31" s="1"/>
      <c r="O31" s="1"/>
      <c r="P31" s="1"/>
      <c r="R31" s="1"/>
      <c r="S31" s="1"/>
      <c r="T31" s="1"/>
    </row>
    <row r="32" spans="1:22" x14ac:dyDescent="0.2">
      <c r="J32" s="1"/>
      <c r="K32" s="1"/>
      <c r="L32" s="1"/>
    </row>
    <row r="33" spans="7:12" x14ac:dyDescent="0.2">
      <c r="J33" s="1"/>
      <c r="K33" s="1"/>
      <c r="L33" s="1"/>
    </row>
    <row r="34" spans="7:12" x14ac:dyDescent="0.2">
      <c r="G34" s="26"/>
      <c r="H34" s="26"/>
    </row>
    <row r="35" spans="7:12" x14ac:dyDescent="0.2">
      <c r="G35" s="30"/>
      <c r="H35" s="30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</sheetData>
  <mergeCells count="17">
    <mergeCell ref="Q19:R19"/>
    <mergeCell ref="Q20:R20"/>
    <mergeCell ref="Q18:R18"/>
    <mergeCell ref="K18:L18"/>
    <mergeCell ref="A22:B22"/>
    <mergeCell ref="A1:S1"/>
    <mergeCell ref="K17:L17"/>
    <mergeCell ref="N6:O6"/>
    <mergeCell ref="B11:E11"/>
    <mergeCell ref="B12:E12"/>
    <mergeCell ref="B6:C6"/>
    <mergeCell ref="B13:E13"/>
    <mergeCell ref="K12:M12"/>
    <mergeCell ref="B7:C7"/>
    <mergeCell ref="N7:O7"/>
    <mergeCell ref="K13:M13"/>
    <mergeCell ref="B14:E14"/>
  </mergeCells>
  <conditionalFormatting sqref="Q19:R19 G12 G14">
    <cfRule type="containsBlanks" dxfId="19" priority="114">
      <formula>LEN(TRIM(G12))=0</formula>
    </cfRule>
  </conditionalFormatting>
  <conditionalFormatting sqref="Q20:R20">
    <cfRule type="containsBlanks" dxfId="18" priority="113">
      <formula>LEN(TRIM(Q20))=0</formula>
    </cfRule>
  </conditionalFormatting>
  <conditionalFormatting sqref="G11">
    <cfRule type="containsBlanks" dxfId="17" priority="87">
      <formula>LEN(TRIM(G11))=0</formula>
    </cfRule>
  </conditionalFormatting>
  <conditionalFormatting sqref="K12:M12">
    <cfRule type="containsBlanks" dxfId="16" priority="115">
      <formula>LEN(TRIM(K12))=0</formula>
    </cfRule>
  </conditionalFormatting>
  <conditionalFormatting sqref="K17:L17">
    <cfRule type="containsBlanks" dxfId="15" priority="82">
      <formula>LEN(TRIM(K17))=0</formula>
    </cfRule>
  </conditionalFormatting>
  <conditionalFormatting sqref="K18:L18">
    <cfRule type="containsBlanks" dxfId="14" priority="81">
      <formula>LEN(TRIM(K18))=0</formula>
    </cfRule>
  </conditionalFormatting>
  <conditionalFormatting sqref="K13:M13">
    <cfRule type="containsBlanks" dxfId="13" priority="80">
      <formula>LEN(TRIM(K13))=0</formula>
    </cfRule>
  </conditionalFormatting>
  <conditionalFormatting sqref="G13">
    <cfRule type="containsBlanks" dxfId="12" priority="13">
      <formula>LEN(TRIM(G13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06-02T06:15:25Z</dcterms:modified>
</cp:coreProperties>
</file>